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⛄⛄ 令和6年1月1日現在\03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>相模原市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12月中の自然増減及び社会増減(市区町村別)</t>
  </si>
  <si>
    <t>県計</t>
    <phoneticPr fontId="6"/>
  </si>
  <si>
    <t>市部計</t>
    <phoneticPr fontId="6"/>
  </si>
  <si>
    <t>鶴見区</t>
    <phoneticPr fontId="3"/>
  </si>
  <si>
    <t>神奈川区</t>
    <phoneticPr fontId="6"/>
  </si>
  <si>
    <t>西区</t>
    <phoneticPr fontId="3"/>
  </si>
  <si>
    <t>中区</t>
    <phoneticPr fontId="3"/>
  </si>
  <si>
    <t>南区</t>
    <phoneticPr fontId="3"/>
  </si>
  <si>
    <t>港南区</t>
    <phoneticPr fontId="3"/>
  </si>
  <si>
    <t>保土ケ谷区</t>
    <phoneticPr fontId="6"/>
  </si>
  <si>
    <t>旭区</t>
    <phoneticPr fontId="3"/>
  </si>
  <si>
    <t>磯子区</t>
    <phoneticPr fontId="3"/>
  </si>
  <si>
    <t>金沢区</t>
    <phoneticPr fontId="3"/>
  </si>
  <si>
    <t>港北区</t>
    <phoneticPr fontId="3"/>
  </si>
  <si>
    <t>緑区</t>
    <phoneticPr fontId="3"/>
  </si>
  <si>
    <t>青葉区</t>
    <phoneticPr fontId="3"/>
  </si>
  <si>
    <t>都筑区</t>
    <phoneticPr fontId="3"/>
  </si>
  <si>
    <t>戸塚区</t>
    <phoneticPr fontId="3"/>
  </si>
  <si>
    <t>栄区</t>
    <phoneticPr fontId="3"/>
  </si>
  <si>
    <t>泉区</t>
    <phoneticPr fontId="3"/>
  </si>
  <si>
    <t>瀬谷区</t>
    <phoneticPr fontId="3"/>
  </si>
  <si>
    <t>川崎区</t>
    <phoneticPr fontId="3"/>
  </si>
  <si>
    <t>幸区</t>
    <phoneticPr fontId="6"/>
  </si>
  <si>
    <t>中原区</t>
    <phoneticPr fontId="3"/>
  </si>
  <si>
    <t>高津区</t>
    <phoneticPr fontId="6"/>
  </si>
  <si>
    <t>宮前区</t>
    <phoneticPr fontId="3"/>
  </si>
  <si>
    <t>多摩区</t>
    <phoneticPr fontId="3"/>
  </si>
  <si>
    <t>麻生区</t>
    <phoneticPr fontId="3"/>
  </si>
  <si>
    <t>緑区</t>
    <rPh sb="0" eb="1">
      <t>ミドリ</t>
    </rPh>
    <rPh sb="1" eb="2">
      <t>ク</t>
    </rPh>
    <phoneticPr fontId="6"/>
  </si>
  <si>
    <t>中央区</t>
    <rPh sb="0" eb="1">
      <t>ナカ</t>
    </rPh>
    <rPh sb="1" eb="2">
      <t>ヒサシ</t>
    </rPh>
    <rPh sb="2" eb="3">
      <t>ク</t>
    </rPh>
    <phoneticPr fontId="6"/>
  </si>
  <si>
    <t>南区</t>
    <rPh sb="0" eb="1">
      <t>ミナミ</t>
    </rPh>
    <rPh sb="1" eb="2">
      <t>ク</t>
    </rPh>
    <phoneticPr fontId="6"/>
  </si>
  <si>
    <t>横須賀市</t>
    <phoneticPr fontId="3"/>
  </si>
  <si>
    <t>三浦郡葉山町</t>
    <phoneticPr fontId="6"/>
  </si>
  <si>
    <t>高座郡寒川町</t>
    <phoneticPr fontId="6"/>
  </si>
  <si>
    <t>大磯町</t>
    <phoneticPr fontId="3"/>
  </si>
  <si>
    <t>二宮町</t>
    <phoneticPr fontId="3"/>
  </si>
  <si>
    <t>中井町</t>
    <phoneticPr fontId="3"/>
  </si>
  <si>
    <t>大井町</t>
    <phoneticPr fontId="3"/>
  </si>
  <si>
    <t>松田町</t>
    <phoneticPr fontId="3"/>
  </si>
  <si>
    <t>山北町</t>
    <phoneticPr fontId="3"/>
  </si>
  <si>
    <t>開成町</t>
    <phoneticPr fontId="3"/>
  </si>
  <si>
    <t>箱根町</t>
    <phoneticPr fontId="3"/>
  </si>
  <si>
    <t>真鶴町</t>
    <phoneticPr fontId="3"/>
  </si>
  <si>
    <t>湯河原町</t>
    <phoneticPr fontId="6"/>
  </si>
  <si>
    <t>愛川町</t>
    <phoneticPr fontId="3"/>
  </si>
  <si>
    <t>清川村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2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37" fontId="25" fillId="3" borderId="0" xfId="3" applyFont="1" applyFill="1" applyBorder="1" applyAlignment="1" applyProtection="1">
      <alignment horizontal="left" vertical="center"/>
    </xf>
    <xf numFmtId="37" fontId="10" fillId="0" borderId="0" xfId="3" applyFont="1" applyBorder="1" applyAlignment="1" applyProtection="1">
      <alignment horizontal="left" vertical="center"/>
    </xf>
    <xf numFmtId="37" fontId="10" fillId="0" borderId="0" xfId="3" applyFont="1" applyBorder="1" applyAlignment="1">
      <alignment horizontal="left" vertical="center"/>
    </xf>
    <xf numFmtId="37" fontId="10" fillId="2" borderId="0" xfId="3" applyFont="1" applyFill="1" applyBorder="1" applyAlignment="1" applyProtection="1">
      <alignment horizontal="left" vertical="center"/>
    </xf>
    <xf numFmtId="37" fontId="11" fillId="0" borderId="0" xfId="3" applyFont="1" applyBorder="1" applyAlignment="1" applyProtection="1">
      <alignment horizontal="left" vertical="center"/>
    </xf>
    <xf numFmtId="37" fontId="10" fillId="0" borderId="27" xfId="3" applyFont="1" applyBorder="1" applyAlignment="1" applyProtection="1">
      <alignment horizontal="left"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5" customWidth="1"/>
    <col min="2" max="2" width="10" style="5" customWidth="1"/>
    <col min="3" max="3" width="1.625" style="5" customWidth="1"/>
    <col min="4" max="13" width="8.25" style="5" customWidth="1"/>
  </cols>
  <sheetData>
    <row r="1" spans="1:29" s="6" customFormat="1" ht="24" customHeight="1">
      <c r="A1" s="5"/>
      <c r="B1" s="50" t="s">
        <v>40</v>
      </c>
      <c r="C1" s="45"/>
      <c r="D1" s="45"/>
      <c r="E1" s="45"/>
      <c r="F1" s="45"/>
      <c r="G1" s="45"/>
      <c r="H1" s="45"/>
      <c r="I1" s="45"/>
      <c r="J1" s="45"/>
      <c r="K1" s="45"/>
      <c r="L1" s="45"/>
      <c r="M1" s="45"/>
      <c r="N1" s="5"/>
      <c r="O1" s="5"/>
      <c r="P1" s="5"/>
      <c r="Q1" s="5"/>
      <c r="R1" s="5"/>
      <c r="S1" s="5"/>
      <c r="T1" s="5"/>
    </row>
    <row r="2" spans="1:29" s="6" customFormat="1" ht="13.5" customHeight="1" thickBot="1">
      <c r="A2" s="40"/>
      <c r="B2" s="40"/>
      <c r="C2" s="40"/>
      <c r="D2" s="40"/>
      <c r="E2" s="40"/>
      <c r="F2" s="40"/>
      <c r="G2" s="40"/>
      <c r="H2" s="40"/>
      <c r="I2" s="40"/>
      <c r="J2" s="40"/>
      <c r="K2" s="40"/>
      <c r="L2" s="40"/>
      <c r="M2" s="40"/>
      <c r="N2" s="5"/>
      <c r="O2" s="5"/>
      <c r="P2" s="5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6" customFormat="1" ht="18" customHeight="1">
      <c r="A3" s="46"/>
      <c r="B3" s="51"/>
      <c r="C3" s="52"/>
      <c r="D3" s="53" t="s">
        <v>23</v>
      </c>
      <c r="E3" s="54"/>
      <c r="F3" s="55" t="s">
        <v>24</v>
      </c>
      <c r="G3" s="53"/>
      <c r="H3" s="53"/>
      <c r="I3" s="53"/>
      <c r="J3" s="53"/>
      <c r="K3" s="53"/>
      <c r="L3" s="53"/>
      <c r="M3" s="56"/>
      <c r="N3" s="5"/>
      <c r="O3" s="5"/>
      <c r="P3" s="5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6" customFormat="1" ht="18" customHeight="1">
      <c r="A4" s="47"/>
      <c r="B4" s="57" t="s">
        <v>34</v>
      </c>
      <c r="C4" s="58"/>
      <c r="D4" s="78" t="s">
        <v>25</v>
      </c>
      <c r="E4" s="80" t="s">
        <v>26</v>
      </c>
      <c r="F4" s="59" t="s">
        <v>27</v>
      </c>
      <c r="G4" s="60"/>
      <c r="H4" s="60"/>
      <c r="I4" s="61"/>
      <c r="J4" s="62" t="s">
        <v>35</v>
      </c>
      <c r="K4" s="63"/>
      <c r="L4" s="63"/>
      <c r="M4" s="64"/>
      <c r="N4" s="5"/>
      <c r="O4" s="5"/>
      <c r="P4" s="5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6" customFormat="1" ht="18" customHeight="1" thickBot="1">
      <c r="A5" s="48"/>
      <c r="B5" s="65"/>
      <c r="C5" s="66"/>
      <c r="D5" s="79"/>
      <c r="E5" s="81"/>
      <c r="F5" s="67" t="s">
        <v>28</v>
      </c>
      <c r="G5" s="67" t="s">
        <v>29</v>
      </c>
      <c r="H5" s="67" t="s">
        <v>30</v>
      </c>
      <c r="I5" s="67" t="s">
        <v>31</v>
      </c>
      <c r="J5" s="67" t="s">
        <v>28</v>
      </c>
      <c r="K5" s="67" t="s">
        <v>29</v>
      </c>
      <c r="L5" s="67" t="s">
        <v>30</v>
      </c>
      <c r="M5" s="68" t="s">
        <v>31</v>
      </c>
      <c r="N5" s="5"/>
      <c r="O5" s="5"/>
      <c r="P5" s="5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4" customFormat="1" ht="18" customHeight="1">
      <c r="A6" s="7"/>
      <c r="B6" s="8"/>
      <c r="C6" s="9"/>
      <c r="D6" s="10" t="s">
        <v>32</v>
      </c>
      <c r="E6" s="11" t="s">
        <v>33</v>
      </c>
      <c r="F6" s="11" t="s">
        <v>32</v>
      </c>
      <c r="G6" s="11" t="s">
        <v>32</v>
      </c>
      <c r="H6" s="11" t="s">
        <v>32</v>
      </c>
      <c r="I6" s="11" t="s">
        <v>32</v>
      </c>
      <c r="J6" s="11" t="s">
        <v>32</v>
      </c>
      <c r="K6" s="11" t="s">
        <v>32</v>
      </c>
      <c r="L6" s="11" t="s">
        <v>32</v>
      </c>
      <c r="M6" s="12" t="s">
        <v>32</v>
      </c>
      <c r="N6" s="13"/>
      <c r="O6" s="13"/>
      <c r="P6" s="13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6" customFormat="1" ht="22.5" customHeight="1">
      <c r="A7" s="15"/>
      <c r="B7" s="72" t="s">
        <v>41</v>
      </c>
      <c r="C7" s="16"/>
      <c r="D7" s="1">
        <v>4535</v>
      </c>
      <c r="E7" s="17">
        <v>8310</v>
      </c>
      <c r="F7" s="17">
        <v>35792</v>
      </c>
      <c r="G7" s="17">
        <v>17247</v>
      </c>
      <c r="H7" s="17">
        <v>17710</v>
      </c>
      <c r="I7" s="17">
        <v>835</v>
      </c>
      <c r="J7" s="17">
        <v>33967</v>
      </c>
      <c r="K7" s="17">
        <v>16122</v>
      </c>
      <c r="L7" s="17">
        <v>17042</v>
      </c>
      <c r="M7" s="18">
        <v>803</v>
      </c>
      <c r="N7" s="41"/>
      <c r="O7" s="5"/>
      <c r="P7" s="5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3" customFormat="1" ht="22.5" customHeight="1">
      <c r="A8" s="19"/>
      <c r="B8" s="73" t="s">
        <v>42</v>
      </c>
      <c r="C8" s="20"/>
      <c r="D8" s="2">
        <v>4431</v>
      </c>
      <c r="E8" s="21">
        <v>7946</v>
      </c>
      <c r="F8" s="21">
        <v>34785</v>
      </c>
      <c r="G8" s="21">
        <v>16719</v>
      </c>
      <c r="H8" s="21">
        <v>17278</v>
      </c>
      <c r="I8" s="21">
        <v>788</v>
      </c>
      <c r="J8" s="21">
        <v>33152</v>
      </c>
      <c r="K8" s="21">
        <v>15768</v>
      </c>
      <c r="L8" s="21">
        <v>16609</v>
      </c>
      <c r="M8" s="22">
        <v>775</v>
      </c>
      <c r="N8" s="41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3" customFormat="1" ht="22.5" customHeight="1">
      <c r="A9" s="19"/>
      <c r="B9" s="73" t="s">
        <v>15</v>
      </c>
      <c r="C9" s="20"/>
      <c r="D9" s="2">
        <v>104</v>
      </c>
      <c r="E9" s="21">
        <v>364</v>
      </c>
      <c r="F9" s="21">
        <v>1007</v>
      </c>
      <c r="G9" s="21">
        <v>528</v>
      </c>
      <c r="H9" s="21">
        <v>432</v>
      </c>
      <c r="I9" s="21">
        <v>47</v>
      </c>
      <c r="J9" s="21">
        <v>815</v>
      </c>
      <c r="K9" s="21">
        <v>354</v>
      </c>
      <c r="L9" s="21">
        <v>433</v>
      </c>
      <c r="M9" s="22">
        <v>28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6" customFormat="1" ht="22.5" customHeight="1">
      <c r="A10" s="24"/>
      <c r="B10" s="74"/>
      <c r="C10" s="25"/>
      <c r="D10" s="3"/>
      <c r="E10" s="26"/>
      <c r="F10" s="26"/>
      <c r="G10" s="26"/>
      <c r="H10" s="26"/>
      <c r="I10" s="26"/>
      <c r="J10" s="26"/>
      <c r="K10" s="26"/>
      <c r="L10" s="26"/>
      <c r="M10" s="27"/>
      <c r="N10" s="5"/>
      <c r="O10" s="5"/>
      <c r="P10" s="5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6" customFormat="1" ht="22.5" customHeight="1">
      <c r="A11" s="28"/>
      <c r="B11" s="75" t="s">
        <v>16</v>
      </c>
      <c r="C11" s="29"/>
      <c r="D11" s="4">
        <v>1871</v>
      </c>
      <c r="E11" s="30">
        <v>3257</v>
      </c>
      <c r="F11" s="30">
        <v>15795</v>
      </c>
      <c r="G11" s="30">
        <v>6928</v>
      </c>
      <c r="H11" s="30">
        <v>8488</v>
      </c>
      <c r="I11" s="30">
        <v>379</v>
      </c>
      <c r="J11" s="30">
        <v>15368</v>
      </c>
      <c r="K11" s="30">
        <v>6747</v>
      </c>
      <c r="L11" s="30">
        <v>8245</v>
      </c>
      <c r="M11" s="31">
        <v>376</v>
      </c>
      <c r="N11" s="5"/>
      <c r="O11" s="5"/>
      <c r="P11" s="5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6" customFormat="1" ht="22.5" customHeight="1">
      <c r="A12" s="24"/>
      <c r="B12" s="73" t="s">
        <v>43</v>
      </c>
      <c r="C12" s="25"/>
      <c r="D12" s="2">
        <v>139</v>
      </c>
      <c r="E12" s="26">
        <v>207</v>
      </c>
      <c r="F12" s="26">
        <v>1376</v>
      </c>
      <c r="G12" s="26">
        <v>798</v>
      </c>
      <c r="H12" s="26">
        <v>539</v>
      </c>
      <c r="I12" s="26">
        <v>39</v>
      </c>
      <c r="J12" s="26">
        <v>1384</v>
      </c>
      <c r="K12" s="26">
        <v>714</v>
      </c>
      <c r="L12" s="26">
        <v>627</v>
      </c>
      <c r="M12" s="27">
        <v>43</v>
      </c>
      <c r="N12" s="5"/>
      <c r="O12" s="5"/>
      <c r="P12" s="5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6" customFormat="1" ht="22.5" customHeight="1">
      <c r="A13" s="24"/>
      <c r="B13" s="76" t="s">
        <v>44</v>
      </c>
      <c r="C13" s="25"/>
      <c r="D13" s="2">
        <v>141</v>
      </c>
      <c r="E13" s="26">
        <v>205</v>
      </c>
      <c r="F13" s="26">
        <v>1252</v>
      </c>
      <c r="G13" s="26">
        <v>575</v>
      </c>
      <c r="H13" s="26">
        <v>638</v>
      </c>
      <c r="I13" s="26">
        <v>39</v>
      </c>
      <c r="J13" s="26">
        <v>1345</v>
      </c>
      <c r="K13" s="26">
        <v>581</v>
      </c>
      <c r="L13" s="26">
        <v>734</v>
      </c>
      <c r="M13" s="27">
        <v>30</v>
      </c>
      <c r="N13" s="5"/>
      <c r="O13" s="5"/>
      <c r="P13" s="5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6" customFormat="1" ht="22.5" customHeight="1">
      <c r="A14" s="24"/>
      <c r="B14" s="73" t="s">
        <v>45</v>
      </c>
      <c r="C14" s="25"/>
      <c r="D14" s="2">
        <v>70</v>
      </c>
      <c r="E14" s="26">
        <v>83</v>
      </c>
      <c r="F14" s="26">
        <v>620</v>
      </c>
      <c r="G14" s="26">
        <v>264</v>
      </c>
      <c r="H14" s="26">
        <v>336</v>
      </c>
      <c r="I14" s="26">
        <v>20</v>
      </c>
      <c r="J14" s="26">
        <v>740</v>
      </c>
      <c r="K14" s="26">
        <v>337</v>
      </c>
      <c r="L14" s="26">
        <v>379</v>
      </c>
      <c r="M14" s="27">
        <v>24</v>
      </c>
      <c r="N14" s="5"/>
      <c r="O14" s="5"/>
      <c r="P14" s="5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6" customFormat="1" ht="22.5" customHeight="1">
      <c r="A15" s="24"/>
      <c r="B15" s="73" t="s">
        <v>46</v>
      </c>
      <c r="C15" s="25"/>
      <c r="D15" s="2">
        <v>65</v>
      </c>
      <c r="E15" s="26">
        <v>161</v>
      </c>
      <c r="F15" s="26">
        <v>1089</v>
      </c>
      <c r="G15" s="26">
        <v>484</v>
      </c>
      <c r="H15" s="26">
        <v>560</v>
      </c>
      <c r="I15" s="26">
        <v>45</v>
      </c>
      <c r="J15" s="26">
        <v>937</v>
      </c>
      <c r="K15" s="26">
        <v>410</v>
      </c>
      <c r="L15" s="26">
        <v>471</v>
      </c>
      <c r="M15" s="27">
        <v>56</v>
      </c>
      <c r="N15" s="5"/>
      <c r="O15" s="5"/>
      <c r="P15" s="5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6" customFormat="1" ht="22.5" customHeight="1">
      <c r="A16" s="24"/>
      <c r="B16" s="73" t="s">
        <v>47</v>
      </c>
      <c r="C16" s="25"/>
      <c r="D16" s="2">
        <v>84</v>
      </c>
      <c r="E16" s="26">
        <v>212</v>
      </c>
      <c r="F16" s="26">
        <v>1026</v>
      </c>
      <c r="G16" s="26">
        <v>388</v>
      </c>
      <c r="H16" s="26">
        <v>606</v>
      </c>
      <c r="I16" s="26">
        <v>32</v>
      </c>
      <c r="J16" s="26">
        <v>981</v>
      </c>
      <c r="K16" s="26">
        <v>399</v>
      </c>
      <c r="L16" s="26">
        <v>554</v>
      </c>
      <c r="M16" s="27">
        <v>28</v>
      </c>
      <c r="N16" s="5"/>
      <c r="O16" s="5"/>
      <c r="P16" s="5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6" customFormat="1" ht="22.5" customHeight="1">
      <c r="A17" s="24"/>
      <c r="B17" s="73" t="s">
        <v>48</v>
      </c>
      <c r="C17" s="25"/>
      <c r="D17" s="2">
        <v>111</v>
      </c>
      <c r="E17" s="26">
        <v>211</v>
      </c>
      <c r="F17" s="26">
        <v>632</v>
      </c>
      <c r="G17" s="26">
        <v>210</v>
      </c>
      <c r="H17" s="26">
        <v>400</v>
      </c>
      <c r="I17" s="26">
        <v>22</v>
      </c>
      <c r="J17" s="26">
        <v>647</v>
      </c>
      <c r="K17" s="26">
        <v>232</v>
      </c>
      <c r="L17" s="26">
        <v>408</v>
      </c>
      <c r="M17" s="27">
        <v>7</v>
      </c>
      <c r="N17" s="5"/>
      <c r="O17" s="5"/>
      <c r="P17" s="5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6" customFormat="1" ht="22.5" customHeight="1">
      <c r="A18" s="24"/>
      <c r="B18" s="76" t="s">
        <v>49</v>
      </c>
      <c r="C18" s="25"/>
      <c r="D18" s="2">
        <v>89</v>
      </c>
      <c r="E18" s="26">
        <v>188</v>
      </c>
      <c r="F18" s="26">
        <v>820</v>
      </c>
      <c r="G18" s="26">
        <v>288</v>
      </c>
      <c r="H18" s="26">
        <v>513</v>
      </c>
      <c r="I18" s="26">
        <v>19</v>
      </c>
      <c r="J18" s="26">
        <v>779</v>
      </c>
      <c r="K18" s="26">
        <v>266</v>
      </c>
      <c r="L18" s="26">
        <v>478</v>
      </c>
      <c r="M18" s="27">
        <v>35</v>
      </c>
      <c r="N18" s="5"/>
      <c r="O18" s="5"/>
      <c r="P18" s="5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6" customFormat="1" ht="22.5" customHeight="1">
      <c r="A19" s="24"/>
      <c r="B19" s="73" t="s">
        <v>50</v>
      </c>
      <c r="C19" s="25"/>
      <c r="D19" s="2">
        <v>101</v>
      </c>
      <c r="E19" s="26">
        <v>263</v>
      </c>
      <c r="F19" s="26">
        <v>856</v>
      </c>
      <c r="G19" s="26">
        <v>316</v>
      </c>
      <c r="H19" s="26">
        <v>517</v>
      </c>
      <c r="I19" s="26">
        <v>23</v>
      </c>
      <c r="J19" s="26">
        <v>758</v>
      </c>
      <c r="K19" s="26">
        <v>277</v>
      </c>
      <c r="L19" s="26">
        <v>458</v>
      </c>
      <c r="M19" s="27">
        <v>23</v>
      </c>
      <c r="N19" s="5"/>
      <c r="O19" s="5"/>
      <c r="P19" s="5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6" customFormat="1" ht="22.5" customHeight="1">
      <c r="A20" s="24"/>
      <c r="B20" s="73" t="s">
        <v>51</v>
      </c>
      <c r="C20" s="25"/>
      <c r="D20" s="2">
        <v>73</v>
      </c>
      <c r="E20" s="26">
        <v>175</v>
      </c>
      <c r="F20" s="26">
        <v>675</v>
      </c>
      <c r="G20" s="26">
        <v>286</v>
      </c>
      <c r="H20" s="26">
        <v>377</v>
      </c>
      <c r="I20" s="26">
        <v>12</v>
      </c>
      <c r="J20" s="26">
        <v>678</v>
      </c>
      <c r="K20" s="26">
        <v>272</v>
      </c>
      <c r="L20" s="26">
        <v>371</v>
      </c>
      <c r="M20" s="27">
        <v>35</v>
      </c>
      <c r="N20" s="5"/>
      <c r="O20" s="5"/>
      <c r="P20" s="5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6" customFormat="1" ht="22.5" customHeight="1">
      <c r="A21" s="24"/>
      <c r="B21" s="73" t="s">
        <v>52</v>
      </c>
      <c r="C21" s="25"/>
      <c r="D21" s="2">
        <v>85</v>
      </c>
      <c r="E21" s="26">
        <v>188</v>
      </c>
      <c r="F21" s="26">
        <v>546</v>
      </c>
      <c r="G21" s="26">
        <v>230</v>
      </c>
      <c r="H21" s="26">
        <v>309</v>
      </c>
      <c r="I21" s="26">
        <v>7</v>
      </c>
      <c r="J21" s="26">
        <v>637</v>
      </c>
      <c r="K21" s="26">
        <v>227</v>
      </c>
      <c r="L21" s="26">
        <v>401</v>
      </c>
      <c r="M21" s="27">
        <v>9</v>
      </c>
      <c r="N21" s="5"/>
      <c r="O21" s="5"/>
      <c r="P21" s="5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6" customFormat="1" ht="22.5" customHeight="1">
      <c r="A22" s="24"/>
      <c r="B22" s="73" t="s">
        <v>53</v>
      </c>
      <c r="C22" s="25"/>
      <c r="D22" s="2">
        <v>234</v>
      </c>
      <c r="E22" s="26">
        <v>239</v>
      </c>
      <c r="F22" s="26">
        <v>1672</v>
      </c>
      <c r="G22" s="26">
        <v>892</v>
      </c>
      <c r="H22" s="26">
        <v>748</v>
      </c>
      <c r="I22" s="26">
        <v>32</v>
      </c>
      <c r="J22" s="26">
        <v>1618</v>
      </c>
      <c r="K22" s="26">
        <v>837</v>
      </c>
      <c r="L22" s="26">
        <v>754</v>
      </c>
      <c r="M22" s="27">
        <v>27</v>
      </c>
      <c r="N22" s="5"/>
      <c r="O22" s="5"/>
      <c r="P22" s="5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6" customFormat="1" ht="22.5" customHeight="1">
      <c r="A23" s="24"/>
      <c r="B23" s="73" t="s">
        <v>54</v>
      </c>
      <c r="C23" s="25"/>
      <c r="D23" s="2">
        <v>86</v>
      </c>
      <c r="E23" s="26">
        <v>145</v>
      </c>
      <c r="F23" s="26">
        <v>674</v>
      </c>
      <c r="G23" s="26">
        <v>276</v>
      </c>
      <c r="H23" s="26">
        <v>385</v>
      </c>
      <c r="I23" s="26">
        <v>13</v>
      </c>
      <c r="J23" s="26">
        <v>668</v>
      </c>
      <c r="K23" s="26">
        <v>293</v>
      </c>
      <c r="L23" s="26">
        <v>368</v>
      </c>
      <c r="M23" s="27">
        <v>7</v>
      </c>
      <c r="N23" s="5"/>
      <c r="O23" s="5"/>
      <c r="P23" s="5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6" customFormat="1" ht="22.5" customHeight="1">
      <c r="A24" s="24"/>
      <c r="B24" s="73" t="s">
        <v>55</v>
      </c>
      <c r="C24" s="25"/>
      <c r="D24" s="2">
        <v>153</v>
      </c>
      <c r="E24" s="26">
        <v>232</v>
      </c>
      <c r="F24" s="26">
        <v>1068</v>
      </c>
      <c r="G24" s="26">
        <v>596</v>
      </c>
      <c r="H24" s="26">
        <v>440</v>
      </c>
      <c r="I24" s="26">
        <v>32</v>
      </c>
      <c r="J24" s="26">
        <v>1156</v>
      </c>
      <c r="K24" s="26">
        <v>655</v>
      </c>
      <c r="L24" s="26">
        <v>486</v>
      </c>
      <c r="M24" s="27">
        <v>15</v>
      </c>
      <c r="N24" s="5"/>
      <c r="O24" s="5"/>
      <c r="P24" s="5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6" customFormat="1" ht="22.5" customHeight="1">
      <c r="A25" s="24"/>
      <c r="B25" s="73" t="s">
        <v>56</v>
      </c>
      <c r="C25" s="25"/>
      <c r="D25" s="2">
        <v>122</v>
      </c>
      <c r="E25" s="26">
        <v>131</v>
      </c>
      <c r="F25" s="26">
        <v>831</v>
      </c>
      <c r="G25" s="26">
        <v>405</v>
      </c>
      <c r="H25" s="26">
        <v>412</v>
      </c>
      <c r="I25" s="26">
        <v>14</v>
      </c>
      <c r="J25" s="26">
        <v>838</v>
      </c>
      <c r="K25" s="26">
        <v>396</v>
      </c>
      <c r="L25" s="26">
        <v>435</v>
      </c>
      <c r="M25" s="27">
        <v>7</v>
      </c>
      <c r="N25" s="5"/>
      <c r="O25" s="5"/>
      <c r="P25" s="5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6" customFormat="1" ht="22.5" customHeight="1">
      <c r="A26" s="24"/>
      <c r="B26" s="73" t="s">
        <v>57</v>
      </c>
      <c r="C26" s="25"/>
      <c r="D26" s="2">
        <v>138</v>
      </c>
      <c r="E26" s="26">
        <v>225</v>
      </c>
      <c r="F26" s="26">
        <v>1120</v>
      </c>
      <c r="G26" s="26">
        <v>461</v>
      </c>
      <c r="H26" s="26">
        <v>641</v>
      </c>
      <c r="I26" s="26">
        <v>18</v>
      </c>
      <c r="J26" s="26">
        <v>970</v>
      </c>
      <c r="K26" s="26">
        <v>434</v>
      </c>
      <c r="L26" s="26">
        <v>525</v>
      </c>
      <c r="M26" s="27">
        <v>11</v>
      </c>
      <c r="N26" s="5"/>
      <c r="O26" s="5"/>
      <c r="P26" s="5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6" customFormat="1" ht="22.5" customHeight="1">
      <c r="A27" s="24"/>
      <c r="B27" s="73" t="s">
        <v>58</v>
      </c>
      <c r="C27" s="25"/>
      <c r="D27" s="2">
        <v>52</v>
      </c>
      <c r="E27" s="26">
        <v>124</v>
      </c>
      <c r="F27" s="26">
        <v>495</v>
      </c>
      <c r="G27" s="26">
        <v>156</v>
      </c>
      <c r="H27" s="26">
        <v>337</v>
      </c>
      <c r="I27" s="26">
        <v>2</v>
      </c>
      <c r="J27" s="26">
        <v>377</v>
      </c>
      <c r="K27" s="26">
        <v>118</v>
      </c>
      <c r="L27" s="26">
        <v>253</v>
      </c>
      <c r="M27" s="27">
        <v>6</v>
      </c>
      <c r="N27" s="5"/>
      <c r="O27" s="5"/>
      <c r="P27" s="5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6" customFormat="1" ht="22.5" customHeight="1">
      <c r="A28" s="24"/>
      <c r="B28" s="73" t="s">
        <v>59</v>
      </c>
      <c r="C28" s="25"/>
      <c r="D28" s="2">
        <v>68</v>
      </c>
      <c r="E28" s="26">
        <v>136</v>
      </c>
      <c r="F28" s="26">
        <v>501</v>
      </c>
      <c r="G28" s="26">
        <v>155</v>
      </c>
      <c r="H28" s="26">
        <v>338</v>
      </c>
      <c r="I28" s="26">
        <v>8</v>
      </c>
      <c r="J28" s="26">
        <v>431</v>
      </c>
      <c r="K28" s="26">
        <v>145</v>
      </c>
      <c r="L28" s="26">
        <v>279</v>
      </c>
      <c r="M28" s="27">
        <v>7</v>
      </c>
      <c r="N28" s="5"/>
      <c r="O28" s="5"/>
      <c r="P28" s="5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6" customFormat="1" ht="22.5" customHeight="1">
      <c r="A29" s="24"/>
      <c r="B29" s="73" t="s">
        <v>60</v>
      </c>
      <c r="C29" s="25"/>
      <c r="D29" s="2">
        <v>60</v>
      </c>
      <c r="E29" s="26">
        <v>132</v>
      </c>
      <c r="F29" s="26">
        <v>542</v>
      </c>
      <c r="G29" s="26">
        <v>148</v>
      </c>
      <c r="H29" s="26">
        <v>392</v>
      </c>
      <c r="I29" s="26">
        <v>2</v>
      </c>
      <c r="J29" s="26">
        <v>424</v>
      </c>
      <c r="K29" s="26">
        <v>154</v>
      </c>
      <c r="L29" s="26">
        <v>264</v>
      </c>
      <c r="M29" s="27">
        <v>6</v>
      </c>
      <c r="N29" s="5"/>
      <c r="O29" s="5"/>
      <c r="P29" s="5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5" customFormat="1" ht="22.5" customHeight="1">
      <c r="A30" s="28"/>
      <c r="B30" s="75" t="s">
        <v>17</v>
      </c>
      <c r="C30" s="29"/>
      <c r="D30" s="4">
        <v>905</v>
      </c>
      <c r="E30" s="30">
        <v>1129</v>
      </c>
      <c r="F30" s="30">
        <v>7509</v>
      </c>
      <c r="G30" s="30">
        <v>4385</v>
      </c>
      <c r="H30" s="30">
        <v>3070</v>
      </c>
      <c r="I30" s="30">
        <v>54</v>
      </c>
      <c r="J30" s="30">
        <v>7516</v>
      </c>
      <c r="K30" s="30">
        <v>4277</v>
      </c>
      <c r="L30" s="30">
        <v>3099</v>
      </c>
      <c r="M30" s="31">
        <v>140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5" customFormat="1" ht="22.5" customHeight="1">
      <c r="A31" s="24"/>
      <c r="B31" s="73" t="s">
        <v>61</v>
      </c>
      <c r="C31" s="25"/>
      <c r="D31" s="2">
        <v>117</v>
      </c>
      <c r="E31" s="26">
        <v>224</v>
      </c>
      <c r="F31" s="26">
        <v>1106</v>
      </c>
      <c r="G31" s="26">
        <v>674</v>
      </c>
      <c r="H31" s="26">
        <v>417</v>
      </c>
      <c r="I31" s="26">
        <v>15</v>
      </c>
      <c r="J31" s="26">
        <v>1195</v>
      </c>
      <c r="K31" s="26">
        <v>692</v>
      </c>
      <c r="L31" s="26">
        <v>435</v>
      </c>
      <c r="M31" s="27">
        <v>68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5" customFormat="1" ht="22.5" customHeight="1">
      <c r="A32" s="24"/>
      <c r="B32" s="73" t="s">
        <v>62</v>
      </c>
      <c r="C32" s="25"/>
      <c r="D32" s="2">
        <v>115</v>
      </c>
      <c r="E32" s="26">
        <v>126</v>
      </c>
      <c r="F32" s="26">
        <v>1166</v>
      </c>
      <c r="G32" s="26">
        <v>592</v>
      </c>
      <c r="H32" s="26">
        <v>566</v>
      </c>
      <c r="I32" s="26">
        <v>8</v>
      </c>
      <c r="J32" s="26">
        <v>766</v>
      </c>
      <c r="K32" s="26">
        <v>412</v>
      </c>
      <c r="L32" s="26">
        <v>342</v>
      </c>
      <c r="M32" s="27">
        <v>12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5" customFormat="1" ht="22.5" customHeight="1">
      <c r="A33" s="24"/>
      <c r="B33" s="73" t="s">
        <v>63</v>
      </c>
      <c r="C33" s="25"/>
      <c r="D33" s="2">
        <v>176</v>
      </c>
      <c r="E33" s="26">
        <v>142</v>
      </c>
      <c r="F33" s="26">
        <v>1344</v>
      </c>
      <c r="G33" s="26">
        <v>819</v>
      </c>
      <c r="H33" s="26">
        <v>515</v>
      </c>
      <c r="I33" s="26">
        <v>10</v>
      </c>
      <c r="J33" s="26">
        <v>1672</v>
      </c>
      <c r="K33" s="26">
        <v>871</v>
      </c>
      <c r="L33" s="26">
        <v>786</v>
      </c>
      <c r="M33" s="27">
        <v>15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5" customFormat="1" ht="22.5" customHeight="1">
      <c r="A34" s="24"/>
      <c r="B34" s="73" t="s">
        <v>64</v>
      </c>
      <c r="C34" s="25"/>
      <c r="D34" s="2">
        <v>134</v>
      </c>
      <c r="E34" s="26">
        <v>159</v>
      </c>
      <c r="F34" s="26">
        <v>1239</v>
      </c>
      <c r="G34" s="26">
        <v>723</v>
      </c>
      <c r="H34" s="26">
        <v>509</v>
      </c>
      <c r="I34" s="26">
        <v>7</v>
      </c>
      <c r="J34" s="26">
        <v>1084</v>
      </c>
      <c r="K34" s="26">
        <v>573</v>
      </c>
      <c r="L34" s="26">
        <v>499</v>
      </c>
      <c r="M34" s="27">
        <v>12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5" customFormat="1" ht="22.5" customHeight="1">
      <c r="A35" s="24"/>
      <c r="B35" s="73" t="s">
        <v>65</v>
      </c>
      <c r="C35" s="25"/>
      <c r="D35" s="2">
        <v>132</v>
      </c>
      <c r="E35" s="26">
        <v>163</v>
      </c>
      <c r="F35" s="26">
        <v>922</v>
      </c>
      <c r="G35" s="26">
        <v>466</v>
      </c>
      <c r="H35" s="26">
        <v>450</v>
      </c>
      <c r="I35" s="26">
        <v>6</v>
      </c>
      <c r="J35" s="26">
        <v>963</v>
      </c>
      <c r="K35" s="26">
        <v>533</v>
      </c>
      <c r="L35" s="26">
        <v>417</v>
      </c>
      <c r="M35" s="27">
        <v>13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5" customFormat="1" ht="22.5" customHeight="1">
      <c r="A36" s="24"/>
      <c r="B36" s="73" t="s">
        <v>66</v>
      </c>
      <c r="C36" s="25"/>
      <c r="D36" s="2">
        <v>147</v>
      </c>
      <c r="E36" s="26">
        <v>181</v>
      </c>
      <c r="F36" s="26">
        <v>1127</v>
      </c>
      <c r="G36" s="26">
        <v>732</v>
      </c>
      <c r="H36" s="26">
        <v>392</v>
      </c>
      <c r="I36" s="26">
        <v>3</v>
      </c>
      <c r="J36" s="26">
        <v>1174</v>
      </c>
      <c r="K36" s="26">
        <v>765</v>
      </c>
      <c r="L36" s="26">
        <v>399</v>
      </c>
      <c r="M36" s="27">
        <v>10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5" customFormat="1" ht="22.5" customHeight="1">
      <c r="A37" s="24"/>
      <c r="B37" s="73" t="s">
        <v>67</v>
      </c>
      <c r="C37" s="25"/>
      <c r="D37" s="2">
        <v>84</v>
      </c>
      <c r="E37" s="26">
        <v>134</v>
      </c>
      <c r="F37" s="26">
        <v>605</v>
      </c>
      <c r="G37" s="26">
        <v>379</v>
      </c>
      <c r="H37" s="26">
        <v>221</v>
      </c>
      <c r="I37" s="26">
        <v>5</v>
      </c>
      <c r="J37" s="26">
        <v>662</v>
      </c>
      <c r="K37" s="26">
        <v>431</v>
      </c>
      <c r="L37" s="26">
        <v>221</v>
      </c>
      <c r="M37" s="27">
        <v>10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5" customFormat="1" ht="22.5" customHeight="1">
      <c r="A38" s="28"/>
      <c r="B38" s="75" t="s">
        <v>22</v>
      </c>
      <c r="C38" s="29"/>
      <c r="D38" s="4">
        <v>334</v>
      </c>
      <c r="E38" s="30">
        <v>680</v>
      </c>
      <c r="F38" s="30">
        <v>2517</v>
      </c>
      <c r="G38" s="30">
        <v>1260</v>
      </c>
      <c r="H38" s="30">
        <v>1211</v>
      </c>
      <c r="I38" s="30">
        <v>46</v>
      </c>
      <c r="J38" s="30">
        <v>2384</v>
      </c>
      <c r="K38" s="30">
        <v>1278</v>
      </c>
      <c r="L38" s="30">
        <v>1057</v>
      </c>
      <c r="M38" s="31">
        <v>49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5" customFormat="1" ht="22.5" customHeight="1">
      <c r="A39" s="24"/>
      <c r="B39" s="73" t="s">
        <v>68</v>
      </c>
      <c r="C39" s="25"/>
      <c r="D39" s="2">
        <v>72</v>
      </c>
      <c r="E39" s="26">
        <v>167</v>
      </c>
      <c r="F39" s="26">
        <v>617</v>
      </c>
      <c r="G39" s="26">
        <v>324</v>
      </c>
      <c r="H39" s="26">
        <v>280</v>
      </c>
      <c r="I39" s="26">
        <v>13</v>
      </c>
      <c r="J39" s="26">
        <v>581</v>
      </c>
      <c r="K39" s="26">
        <v>334</v>
      </c>
      <c r="L39" s="26">
        <v>232</v>
      </c>
      <c r="M39" s="27">
        <v>15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5" customFormat="1" ht="22.5" customHeight="1">
      <c r="A40" s="24"/>
      <c r="B40" s="73" t="s">
        <v>69</v>
      </c>
      <c r="C40" s="25"/>
      <c r="D40" s="2">
        <v>133</v>
      </c>
      <c r="E40" s="26">
        <v>245</v>
      </c>
      <c r="F40" s="26">
        <v>863</v>
      </c>
      <c r="G40" s="26">
        <v>467</v>
      </c>
      <c r="H40" s="26">
        <v>384</v>
      </c>
      <c r="I40" s="26">
        <v>12</v>
      </c>
      <c r="J40" s="26">
        <v>875</v>
      </c>
      <c r="K40" s="26">
        <v>451</v>
      </c>
      <c r="L40" s="26">
        <v>411</v>
      </c>
      <c r="M40" s="27">
        <v>13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5" customFormat="1" ht="22.5" customHeight="1">
      <c r="A41" s="24"/>
      <c r="B41" s="73" t="s">
        <v>70</v>
      </c>
      <c r="C41" s="25"/>
      <c r="D41" s="2">
        <v>129</v>
      </c>
      <c r="E41" s="26">
        <v>268</v>
      </c>
      <c r="F41" s="26">
        <v>1037</v>
      </c>
      <c r="G41" s="26">
        <v>469</v>
      </c>
      <c r="H41" s="26">
        <v>547</v>
      </c>
      <c r="I41" s="26">
        <v>21</v>
      </c>
      <c r="J41" s="26">
        <v>928</v>
      </c>
      <c r="K41" s="26">
        <v>493</v>
      </c>
      <c r="L41" s="26">
        <v>414</v>
      </c>
      <c r="M41" s="27">
        <v>21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5" customFormat="1" ht="9.75" customHeight="1" thickBot="1">
      <c r="A42" s="32"/>
      <c r="B42" s="77"/>
      <c r="C42" s="42"/>
      <c r="D42" s="69"/>
      <c r="E42" s="70"/>
      <c r="F42" s="70"/>
      <c r="G42" s="70"/>
      <c r="H42" s="70"/>
      <c r="I42" s="70"/>
      <c r="J42" s="70"/>
      <c r="K42" s="70"/>
      <c r="L42" s="70"/>
      <c r="M42" s="71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5" customFormat="1" ht="22.5" customHeight="1">
      <c r="A43" s="24"/>
      <c r="B43" s="73" t="s">
        <v>71</v>
      </c>
      <c r="C43" s="25"/>
      <c r="D43" s="2">
        <v>142</v>
      </c>
      <c r="E43" s="26">
        <v>467</v>
      </c>
      <c r="F43" s="26">
        <v>741</v>
      </c>
      <c r="G43" s="26">
        <v>409</v>
      </c>
      <c r="H43" s="26">
        <v>293</v>
      </c>
      <c r="I43" s="26">
        <v>39</v>
      </c>
      <c r="J43" s="26">
        <v>891</v>
      </c>
      <c r="K43" s="26">
        <v>468</v>
      </c>
      <c r="L43" s="26">
        <v>380</v>
      </c>
      <c r="M43" s="27">
        <v>43</v>
      </c>
      <c r="N43"/>
      <c r="U43" s="6"/>
      <c r="V43" s="6"/>
      <c r="W43" s="6"/>
      <c r="X43" s="6"/>
    </row>
    <row r="44" spans="1:29" s="6" customFormat="1" ht="22.5" customHeight="1">
      <c r="A44" s="24"/>
      <c r="B44" s="73" t="s">
        <v>1</v>
      </c>
      <c r="C44" s="25"/>
      <c r="D44" s="2">
        <v>115</v>
      </c>
      <c r="E44" s="26">
        <v>271</v>
      </c>
      <c r="F44" s="26">
        <v>707</v>
      </c>
      <c r="G44" s="26">
        <v>288</v>
      </c>
      <c r="H44" s="26">
        <v>359</v>
      </c>
      <c r="I44" s="26">
        <v>60</v>
      </c>
      <c r="J44" s="26">
        <v>540</v>
      </c>
      <c r="K44" s="26">
        <v>230</v>
      </c>
      <c r="L44" s="26">
        <v>291</v>
      </c>
      <c r="M44" s="27">
        <v>19</v>
      </c>
      <c r="N44"/>
      <c r="O44" s="5"/>
      <c r="P44" s="5"/>
      <c r="Q44" s="5"/>
      <c r="R44" s="5"/>
      <c r="S44" s="5"/>
      <c r="T44" s="5"/>
    </row>
    <row r="45" spans="1:29" s="6" customFormat="1" ht="22.5" customHeight="1">
      <c r="A45" s="24"/>
      <c r="B45" s="73" t="s">
        <v>6</v>
      </c>
      <c r="C45" s="25"/>
      <c r="D45" s="2">
        <v>62</v>
      </c>
      <c r="E45" s="26">
        <v>177</v>
      </c>
      <c r="F45" s="26">
        <v>471</v>
      </c>
      <c r="G45" s="26">
        <v>212</v>
      </c>
      <c r="H45" s="26">
        <v>257</v>
      </c>
      <c r="I45" s="26">
        <v>2</v>
      </c>
      <c r="J45" s="26">
        <v>509</v>
      </c>
      <c r="K45" s="26">
        <v>250</v>
      </c>
      <c r="L45" s="26">
        <v>254</v>
      </c>
      <c r="M45" s="27">
        <v>5</v>
      </c>
      <c r="N45"/>
      <c r="O45" s="5"/>
      <c r="P45" s="5"/>
      <c r="Q45" s="5"/>
      <c r="R45" s="5"/>
      <c r="S45" s="5"/>
      <c r="T45" s="5"/>
    </row>
    <row r="46" spans="1:29" s="6" customFormat="1" ht="22.5" customHeight="1">
      <c r="A46" s="24"/>
      <c r="B46" s="73" t="s">
        <v>0</v>
      </c>
      <c r="C46" s="25"/>
      <c r="D46" s="2">
        <v>236</v>
      </c>
      <c r="E46" s="26">
        <v>349</v>
      </c>
      <c r="F46" s="26">
        <v>1443</v>
      </c>
      <c r="G46" s="26">
        <v>672</v>
      </c>
      <c r="H46" s="26">
        <v>751</v>
      </c>
      <c r="I46" s="26">
        <v>20</v>
      </c>
      <c r="J46" s="26">
        <v>1298</v>
      </c>
      <c r="K46" s="26">
        <v>583</v>
      </c>
      <c r="L46" s="26">
        <v>689</v>
      </c>
      <c r="M46" s="27">
        <v>26</v>
      </c>
      <c r="N46"/>
      <c r="O46" s="5"/>
      <c r="P46" s="5"/>
      <c r="Q46" s="5"/>
      <c r="R46" s="5"/>
      <c r="S46" s="5"/>
      <c r="T46" s="5"/>
    </row>
    <row r="47" spans="1:29" s="6" customFormat="1" ht="22.5" customHeight="1">
      <c r="A47" s="24"/>
      <c r="B47" s="73" t="s">
        <v>5</v>
      </c>
      <c r="C47" s="25"/>
      <c r="D47" s="2">
        <v>77</v>
      </c>
      <c r="E47" s="26">
        <v>214</v>
      </c>
      <c r="F47" s="26">
        <v>601</v>
      </c>
      <c r="G47" s="26">
        <v>365</v>
      </c>
      <c r="H47" s="26">
        <v>235</v>
      </c>
      <c r="I47" s="26">
        <v>1</v>
      </c>
      <c r="J47" s="26">
        <v>430</v>
      </c>
      <c r="K47" s="26">
        <v>194</v>
      </c>
      <c r="L47" s="26">
        <v>232</v>
      </c>
      <c r="M47" s="27">
        <v>4</v>
      </c>
      <c r="N47"/>
      <c r="O47" s="5"/>
      <c r="P47" s="5"/>
      <c r="Q47" s="5"/>
      <c r="R47" s="5"/>
      <c r="S47" s="5"/>
      <c r="T47" s="5"/>
    </row>
    <row r="48" spans="1:29" s="6" customFormat="1" ht="22.5" customHeight="1">
      <c r="A48" s="24"/>
      <c r="B48" s="73" t="s">
        <v>2</v>
      </c>
      <c r="C48" s="25"/>
      <c r="D48" s="2">
        <v>106</v>
      </c>
      <c r="E48" s="26">
        <v>211</v>
      </c>
      <c r="F48" s="26">
        <v>764</v>
      </c>
      <c r="G48" s="26">
        <v>346</v>
      </c>
      <c r="H48" s="26">
        <v>413</v>
      </c>
      <c r="I48" s="26">
        <v>5</v>
      </c>
      <c r="J48" s="26">
        <v>535</v>
      </c>
      <c r="K48" s="26">
        <v>240</v>
      </c>
      <c r="L48" s="26">
        <v>291</v>
      </c>
      <c r="M48" s="27">
        <v>4</v>
      </c>
      <c r="N48"/>
      <c r="O48" s="5"/>
      <c r="P48" s="5"/>
      <c r="Q48" s="5"/>
      <c r="R48" s="5"/>
      <c r="S48" s="5"/>
      <c r="T48" s="5"/>
    </row>
    <row r="49" spans="1:20" s="6" customFormat="1" ht="22.5" customHeight="1">
      <c r="A49" s="24"/>
      <c r="B49" s="73" t="s">
        <v>12</v>
      </c>
      <c r="C49" s="25"/>
      <c r="D49" s="2">
        <v>29</v>
      </c>
      <c r="E49" s="26">
        <v>66</v>
      </c>
      <c r="F49" s="26">
        <v>164</v>
      </c>
      <c r="G49" s="26">
        <v>90</v>
      </c>
      <c r="H49" s="26">
        <v>72</v>
      </c>
      <c r="I49" s="26">
        <v>2</v>
      </c>
      <c r="J49" s="26">
        <v>138</v>
      </c>
      <c r="K49" s="26">
        <v>56</v>
      </c>
      <c r="L49" s="26">
        <v>82</v>
      </c>
      <c r="M49" s="27">
        <v>0</v>
      </c>
      <c r="N49"/>
      <c r="O49" s="5"/>
      <c r="P49" s="5"/>
      <c r="Q49" s="5"/>
      <c r="R49" s="5"/>
      <c r="S49" s="5"/>
      <c r="T49" s="5"/>
    </row>
    <row r="50" spans="1:20" s="6" customFormat="1" ht="22.5" customHeight="1">
      <c r="A50" s="24"/>
      <c r="B50" s="73" t="s">
        <v>13</v>
      </c>
      <c r="C50" s="25"/>
      <c r="D50" s="2">
        <v>7</v>
      </c>
      <c r="E50" s="26">
        <v>86</v>
      </c>
      <c r="F50" s="26">
        <v>79</v>
      </c>
      <c r="G50" s="26">
        <v>37</v>
      </c>
      <c r="H50" s="26">
        <v>42</v>
      </c>
      <c r="I50" s="26">
        <v>0</v>
      </c>
      <c r="J50" s="26">
        <v>95</v>
      </c>
      <c r="K50" s="26">
        <v>41</v>
      </c>
      <c r="L50" s="26">
        <v>52</v>
      </c>
      <c r="M50" s="27">
        <v>2</v>
      </c>
      <c r="N50"/>
      <c r="O50" s="5"/>
      <c r="P50" s="5"/>
      <c r="Q50" s="5"/>
      <c r="R50" s="5"/>
      <c r="S50" s="5"/>
      <c r="T50" s="5"/>
    </row>
    <row r="51" spans="1:20" s="6" customFormat="1" ht="22.5" customHeight="1">
      <c r="A51" s="24"/>
      <c r="B51" s="73" t="s">
        <v>7</v>
      </c>
      <c r="C51" s="25"/>
      <c r="D51" s="2">
        <v>63</v>
      </c>
      <c r="E51" s="26">
        <v>169</v>
      </c>
      <c r="F51" s="26">
        <v>462</v>
      </c>
      <c r="G51" s="26">
        <v>207</v>
      </c>
      <c r="H51" s="26">
        <v>223</v>
      </c>
      <c r="I51" s="26">
        <v>32</v>
      </c>
      <c r="J51" s="26">
        <v>361</v>
      </c>
      <c r="K51" s="26">
        <v>196</v>
      </c>
      <c r="L51" s="26">
        <v>164</v>
      </c>
      <c r="M51" s="27">
        <v>1</v>
      </c>
      <c r="N51"/>
      <c r="O51" s="5"/>
      <c r="P51" s="5"/>
      <c r="Q51" s="5"/>
      <c r="R51" s="5"/>
      <c r="S51" s="5"/>
      <c r="T51" s="5"/>
    </row>
    <row r="52" spans="1:20" s="6" customFormat="1" ht="22.5" customHeight="1">
      <c r="A52" s="24"/>
      <c r="B52" s="73" t="s">
        <v>4</v>
      </c>
      <c r="C52" s="25"/>
      <c r="D52" s="2">
        <v>100</v>
      </c>
      <c r="E52" s="26">
        <v>185</v>
      </c>
      <c r="F52" s="26">
        <v>742</v>
      </c>
      <c r="G52" s="26">
        <v>395</v>
      </c>
      <c r="H52" s="26">
        <v>328</v>
      </c>
      <c r="I52" s="26">
        <v>19</v>
      </c>
      <c r="J52" s="26">
        <v>699</v>
      </c>
      <c r="K52" s="26">
        <v>318</v>
      </c>
      <c r="L52" s="26">
        <v>365</v>
      </c>
      <c r="M52" s="27">
        <v>16</v>
      </c>
      <c r="N52"/>
      <c r="O52" s="5"/>
      <c r="P52" s="5"/>
      <c r="Q52" s="5"/>
      <c r="R52" s="5"/>
      <c r="S52" s="5"/>
      <c r="T52" s="5"/>
    </row>
    <row r="53" spans="1:20" s="6" customFormat="1" ht="22.5" customHeight="1">
      <c r="A53" s="24"/>
      <c r="B53" s="73" t="s">
        <v>3</v>
      </c>
      <c r="C53" s="25"/>
      <c r="D53" s="2">
        <v>143</v>
      </c>
      <c r="E53" s="26">
        <v>214</v>
      </c>
      <c r="F53" s="26">
        <v>1120</v>
      </c>
      <c r="G53" s="26">
        <v>435</v>
      </c>
      <c r="H53" s="26">
        <v>580</v>
      </c>
      <c r="I53" s="26">
        <v>105</v>
      </c>
      <c r="J53" s="26">
        <v>837</v>
      </c>
      <c r="K53" s="26">
        <v>317</v>
      </c>
      <c r="L53" s="26">
        <v>455</v>
      </c>
      <c r="M53" s="27">
        <v>65</v>
      </c>
      <c r="N53"/>
      <c r="O53" s="5"/>
      <c r="P53" s="5"/>
      <c r="Q53" s="5"/>
      <c r="R53" s="5"/>
      <c r="S53" s="5"/>
      <c r="T53" s="5"/>
    </row>
    <row r="54" spans="1:20" s="6" customFormat="1" ht="22.5" customHeight="1">
      <c r="A54" s="24"/>
      <c r="B54" s="73" t="s">
        <v>10</v>
      </c>
      <c r="C54" s="25"/>
      <c r="D54" s="2">
        <v>43</v>
      </c>
      <c r="E54" s="26">
        <v>85</v>
      </c>
      <c r="F54" s="26">
        <v>332</v>
      </c>
      <c r="G54" s="26">
        <v>153</v>
      </c>
      <c r="H54" s="26">
        <v>172</v>
      </c>
      <c r="I54" s="26">
        <v>7</v>
      </c>
      <c r="J54" s="26">
        <v>311</v>
      </c>
      <c r="K54" s="26">
        <v>130</v>
      </c>
      <c r="L54" s="26">
        <v>179</v>
      </c>
      <c r="M54" s="27">
        <v>2</v>
      </c>
      <c r="N54"/>
      <c r="O54" s="5"/>
      <c r="P54" s="5"/>
      <c r="Q54" s="5"/>
      <c r="R54" s="5"/>
      <c r="S54" s="5"/>
      <c r="T54" s="5"/>
    </row>
    <row r="55" spans="1:20" s="6" customFormat="1" ht="22.5" customHeight="1">
      <c r="A55" s="24"/>
      <c r="B55" s="73" t="s">
        <v>8</v>
      </c>
      <c r="C55" s="25"/>
      <c r="D55" s="2">
        <v>71</v>
      </c>
      <c r="E55" s="26">
        <v>124</v>
      </c>
      <c r="F55" s="26">
        <v>431</v>
      </c>
      <c r="G55" s="26">
        <v>179</v>
      </c>
      <c r="H55" s="26">
        <v>252</v>
      </c>
      <c r="I55" s="26">
        <v>0</v>
      </c>
      <c r="J55" s="26">
        <v>395</v>
      </c>
      <c r="K55" s="26">
        <v>119</v>
      </c>
      <c r="L55" s="26">
        <v>274</v>
      </c>
      <c r="M55" s="27">
        <v>2</v>
      </c>
      <c r="N55"/>
      <c r="O55" s="5"/>
      <c r="P55" s="5"/>
      <c r="Q55" s="5"/>
      <c r="R55" s="5"/>
      <c r="S55" s="5"/>
      <c r="T55" s="5"/>
    </row>
    <row r="56" spans="1:20" s="6" customFormat="1" ht="22.5" customHeight="1">
      <c r="A56" s="24"/>
      <c r="B56" s="73" t="s">
        <v>9</v>
      </c>
      <c r="C56" s="25"/>
      <c r="D56" s="2">
        <v>65</v>
      </c>
      <c r="E56" s="26">
        <v>128</v>
      </c>
      <c r="F56" s="26">
        <v>519</v>
      </c>
      <c r="G56" s="26">
        <v>192</v>
      </c>
      <c r="H56" s="26">
        <v>318</v>
      </c>
      <c r="I56" s="26">
        <v>9</v>
      </c>
      <c r="J56" s="26">
        <v>460</v>
      </c>
      <c r="K56" s="26">
        <v>203</v>
      </c>
      <c r="L56" s="26">
        <v>251</v>
      </c>
      <c r="M56" s="27">
        <v>6</v>
      </c>
      <c r="N56"/>
      <c r="O56" s="5"/>
      <c r="P56" s="5"/>
      <c r="Q56" s="5"/>
      <c r="R56" s="5"/>
      <c r="S56" s="5"/>
      <c r="T56" s="5"/>
    </row>
    <row r="57" spans="1:20" s="6" customFormat="1" ht="22.5" customHeight="1">
      <c r="A57" s="24"/>
      <c r="B57" s="73" t="s">
        <v>14</v>
      </c>
      <c r="C57" s="25"/>
      <c r="D57" s="2">
        <v>17</v>
      </c>
      <c r="E57" s="26">
        <v>43</v>
      </c>
      <c r="F57" s="26">
        <v>96</v>
      </c>
      <c r="G57" s="26">
        <v>40</v>
      </c>
      <c r="H57" s="26">
        <v>56</v>
      </c>
      <c r="I57" s="26">
        <v>0</v>
      </c>
      <c r="J57" s="26">
        <v>81</v>
      </c>
      <c r="K57" s="26">
        <v>27</v>
      </c>
      <c r="L57" s="26">
        <v>54</v>
      </c>
      <c r="M57" s="27">
        <v>0</v>
      </c>
      <c r="N57"/>
      <c r="O57" s="5"/>
      <c r="P57" s="5"/>
      <c r="Q57" s="5"/>
      <c r="R57" s="5"/>
      <c r="S57" s="5"/>
      <c r="T57" s="5"/>
    </row>
    <row r="58" spans="1:20" s="6" customFormat="1" ht="22.5" customHeight="1">
      <c r="A58" s="24"/>
      <c r="B58" s="73" t="s">
        <v>11</v>
      </c>
      <c r="C58" s="25"/>
      <c r="D58" s="2">
        <v>45</v>
      </c>
      <c r="E58" s="26">
        <v>91</v>
      </c>
      <c r="F58" s="26">
        <v>292</v>
      </c>
      <c r="G58" s="26">
        <v>126</v>
      </c>
      <c r="H58" s="26">
        <v>158</v>
      </c>
      <c r="I58" s="26">
        <v>8</v>
      </c>
      <c r="J58" s="26">
        <v>304</v>
      </c>
      <c r="K58" s="26">
        <v>94</v>
      </c>
      <c r="L58" s="26">
        <v>195</v>
      </c>
      <c r="M58" s="27">
        <v>15</v>
      </c>
      <c r="N58"/>
      <c r="O58" s="5"/>
      <c r="P58" s="5"/>
      <c r="Q58" s="5"/>
      <c r="R58" s="5"/>
      <c r="S58" s="5"/>
      <c r="T58" s="5"/>
    </row>
    <row r="59" spans="1:20" s="6" customFormat="1" ht="22.5" customHeight="1">
      <c r="A59" s="35"/>
      <c r="B59" s="76" t="s">
        <v>72</v>
      </c>
      <c r="C59" s="25"/>
      <c r="D59" s="2">
        <v>13</v>
      </c>
      <c r="E59" s="26">
        <v>39</v>
      </c>
      <c r="F59" s="26">
        <v>100</v>
      </c>
      <c r="G59" s="26">
        <v>56</v>
      </c>
      <c r="H59" s="26">
        <v>43</v>
      </c>
      <c r="I59" s="26">
        <v>1</v>
      </c>
      <c r="J59" s="26">
        <v>75</v>
      </c>
      <c r="K59" s="26">
        <v>32</v>
      </c>
      <c r="L59" s="26">
        <v>42</v>
      </c>
      <c r="M59" s="27">
        <v>1</v>
      </c>
      <c r="N59"/>
      <c r="O59" s="5"/>
      <c r="P59" s="5"/>
      <c r="Q59" s="5"/>
      <c r="R59" s="5"/>
      <c r="S59" s="5"/>
      <c r="T59" s="5"/>
    </row>
    <row r="60" spans="1:20" s="6" customFormat="1" ht="22.5" customHeight="1">
      <c r="A60" s="35"/>
      <c r="B60" s="76" t="s">
        <v>73</v>
      </c>
      <c r="C60" s="25"/>
      <c r="D60" s="2">
        <v>31</v>
      </c>
      <c r="E60" s="26">
        <v>47</v>
      </c>
      <c r="F60" s="26">
        <v>158</v>
      </c>
      <c r="G60" s="26">
        <v>56</v>
      </c>
      <c r="H60" s="26">
        <v>102</v>
      </c>
      <c r="I60" s="26">
        <v>0</v>
      </c>
      <c r="J60" s="26">
        <v>141</v>
      </c>
      <c r="K60" s="26">
        <v>71</v>
      </c>
      <c r="L60" s="26">
        <v>68</v>
      </c>
      <c r="M60" s="27">
        <v>2</v>
      </c>
      <c r="N60"/>
      <c r="O60" s="5"/>
      <c r="P60" s="5"/>
      <c r="Q60" s="5"/>
      <c r="R60" s="5"/>
      <c r="S60" s="5"/>
      <c r="T60" s="5"/>
    </row>
    <row r="61" spans="1:20" s="6" customFormat="1" ht="22.5" customHeight="1">
      <c r="A61" s="28"/>
      <c r="B61" s="75" t="s">
        <v>18</v>
      </c>
      <c r="C61" s="29"/>
      <c r="D61" s="4">
        <v>22</v>
      </c>
      <c r="E61" s="30">
        <v>78</v>
      </c>
      <c r="F61" s="30">
        <v>132</v>
      </c>
      <c r="G61" s="30">
        <v>59</v>
      </c>
      <c r="H61" s="30">
        <v>73</v>
      </c>
      <c r="I61" s="30">
        <v>0</v>
      </c>
      <c r="J61" s="30">
        <v>113</v>
      </c>
      <c r="K61" s="30">
        <v>35</v>
      </c>
      <c r="L61" s="30">
        <v>75</v>
      </c>
      <c r="M61" s="31">
        <v>3</v>
      </c>
      <c r="N61"/>
      <c r="O61" s="5"/>
      <c r="P61" s="5"/>
      <c r="Q61" s="5"/>
      <c r="R61" s="5"/>
      <c r="S61" s="5"/>
      <c r="T61" s="5"/>
    </row>
    <row r="62" spans="1:20" s="6" customFormat="1" ht="22.5" customHeight="1">
      <c r="A62" s="24"/>
      <c r="B62" s="73" t="s">
        <v>74</v>
      </c>
      <c r="C62" s="25"/>
      <c r="D62" s="2">
        <v>10</v>
      </c>
      <c r="E62" s="26">
        <v>47</v>
      </c>
      <c r="F62" s="26">
        <v>79</v>
      </c>
      <c r="G62" s="26">
        <v>33</v>
      </c>
      <c r="H62" s="26">
        <v>46</v>
      </c>
      <c r="I62" s="26">
        <v>0</v>
      </c>
      <c r="J62" s="26">
        <v>56</v>
      </c>
      <c r="K62" s="26">
        <v>17</v>
      </c>
      <c r="L62" s="26">
        <v>38</v>
      </c>
      <c r="M62" s="27">
        <v>1</v>
      </c>
      <c r="N62"/>
      <c r="O62" s="5"/>
      <c r="P62" s="5"/>
      <c r="Q62" s="5"/>
      <c r="R62" s="5"/>
      <c r="S62" s="5"/>
      <c r="T62" s="5"/>
    </row>
    <row r="63" spans="1:20" s="6" customFormat="1" ht="22.5" customHeight="1">
      <c r="A63" s="24"/>
      <c r="B63" s="73" t="s">
        <v>75</v>
      </c>
      <c r="C63" s="25"/>
      <c r="D63" s="2">
        <v>12</v>
      </c>
      <c r="E63" s="26">
        <v>31</v>
      </c>
      <c r="F63" s="26">
        <v>53</v>
      </c>
      <c r="G63" s="26">
        <v>26</v>
      </c>
      <c r="H63" s="26">
        <v>27</v>
      </c>
      <c r="I63" s="26">
        <v>0</v>
      </c>
      <c r="J63" s="26">
        <v>57</v>
      </c>
      <c r="K63" s="26">
        <v>18</v>
      </c>
      <c r="L63" s="26">
        <v>37</v>
      </c>
      <c r="M63" s="27">
        <v>2</v>
      </c>
      <c r="N63"/>
      <c r="O63" s="5"/>
      <c r="P63" s="5"/>
      <c r="Q63" s="5"/>
      <c r="R63" s="5"/>
      <c r="S63" s="5"/>
      <c r="T63" s="5"/>
    </row>
    <row r="64" spans="1:20" s="6" customFormat="1" ht="22.5" customHeight="1">
      <c r="A64" s="28"/>
      <c r="B64" s="75" t="s">
        <v>19</v>
      </c>
      <c r="C64" s="29"/>
      <c r="D64" s="4">
        <v>20</v>
      </c>
      <c r="E64" s="30">
        <v>71</v>
      </c>
      <c r="F64" s="30">
        <v>205</v>
      </c>
      <c r="G64" s="30">
        <v>112</v>
      </c>
      <c r="H64" s="30">
        <v>92</v>
      </c>
      <c r="I64" s="30">
        <v>1</v>
      </c>
      <c r="J64" s="30">
        <v>176</v>
      </c>
      <c r="K64" s="30">
        <v>69</v>
      </c>
      <c r="L64" s="30">
        <v>98</v>
      </c>
      <c r="M64" s="31">
        <v>9</v>
      </c>
      <c r="N64"/>
      <c r="O64" s="5"/>
      <c r="P64" s="5"/>
      <c r="Q64" s="5"/>
      <c r="R64" s="5"/>
      <c r="S64" s="5"/>
      <c r="T64" s="5"/>
    </row>
    <row r="65" spans="1:20" s="6" customFormat="1" ht="22.5" customHeight="1">
      <c r="A65" s="24"/>
      <c r="B65" s="73" t="s">
        <v>76</v>
      </c>
      <c r="C65" s="25"/>
      <c r="D65" s="2">
        <v>1</v>
      </c>
      <c r="E65" s="26">
        <v>11</v>
      </c>
      <c r="F65" s="26">
        <v>23</v>
      </c>
      <c r="G65" s="26">
        <v>7</v>
      </c>
      <c r="H65" s="26">
        <v>16</v>
      </c>
      <c r="I65" s="26">
        <v>0</v>
      </c>
      <c r="J65" s="26">
        <v>27</v>
      </c>
      <c r="K65" s="26">
        <v>16</v>
      </c>
      <c r="L65" s="26">
        <v>9</v>
      </c>
      <c r="M65" s="27">
        <v>2</v>
      </c>
      <c r="N65"/>
      <c r="O65" s="5"/>
      <c r="P65" s="5"/>
      <c r="Q65" s="5"/>
      <c r="R65" s="5"/>
      <c r="S65" s="5"/>
      <c r="T65" s="5"/>
    </row>
    <row r="66" spans="1:20" s="6" customFormat="1" ht="22.5" customHeight="1">
      <c r="A66" s="24"/>
      <c r="B66" s="73" t="s">
        <v>77</v>
      </c>
      <c r="C66" s="25"/>
      <c r="D66" s="2">
        <v>7</v>
      </c>
      <c r="E66" s="26">
        <v>17</v>
      </c>
      <c r="F66" s="26">
        <v>44</v>
      </c>
      <c r="G66" s="26">
        <v>23</v>
      </c>
      <c r="H66" s="26">
        <v>20</v>
      </c>
      <c r="I66" s="26">
        <v>1</v>
      </c>
      <c r="J66" s="26">
        <v>56</v>
      </c>
      <c r="K66" s="26">
        <v>8</v>
      </c>
      <c r="L66" s="26">
        <v>41</v>
      </c>
      <c r="M66" s="27">
        <v>7</v>
      </c>
      <c r="N66"/>
      <c r="O66" s="5"/>
      <c r="P66" s="5"/>
      <c r="Q66" s="5"/>
      <c r="R66" s="5"/>
      <c r="S66" s="5"/>
      <c r="T66" s="5"/>
    </row>
    <row r="67" spans="1:20" s="6" customFormat="1" ht="22.5" customHeight="1">
      <c r="A67" s="24"/>
      <c r="B67" s="73" t="s">
        <v>78</v>
      </c>
      <c r="C67" s="25"/>
      <c r="D67" s="2">
        <v>2</v>
      </c>
      <c r="E67" s="26">
        <v>13</v>
      </c>
      <c r="F67" s="26">
        <v>62</v>
      </c>
      <c r="G67" s="26">
        <v>50</v>
      </c>
      <c r="H67" s="26">
        <v>12</v>
      </c>
      <c r="I67" s="26">
        <v>0</v>
      </c>
      <c r="J67" s="26">
        <v>47</v>
      </c>
      <c r="K67" s="26">
        <v>30</v>
      </c>
      <c r="L67" s="26">
        <v>17</v>
      </c>
      <c r="M67" s="27">
        <v>0</v>
      </c>
      <c r="N67"/>
      <c r="O67" s="5"/>
      <c r="P67" s="5"/>
      <c r="Q67" s="5"/>
      <c r="R67" s="5"/>
      <c r="S67" s="5"/>
      <c r="T67" s="5"/>
    </row>
    <row r="68" spans="1:20" s="6" customFormat="1" ht="22.5" customHeight="1">
      <c r="A68" s="24"/>
      <c r="B68" s="73" t="s">
        <v>79</v>
      </c>
      <c r="C68" s="25"/>
      <c r="D68" s="2">
        <v>2</v>
      </c>
      <c r="E68" s="26">
        <v>16</v>
      </c>
      <c r="F68" s="26">
        <v>16</v>
      </c>
      <c r="G68" s="26">
        <v>8</v>
      </c>
      <c r="H68" s="26">
        <v>8</v>
      </c>
      <c r="I68" s="26">
        <v>0</v>
      </c>
      <c r="J68" s="26">
        <v>7</v>
      </c>
      <c r="K68" s="26">
        <v>0</v>
      </c>
      <c r="L68" s="26">
        <v>7</v>
      </c>
      <c r="M68" s="27">
        <v>0</v>
      </c>
      <c r="N68"/>
      <c r="O68" s="5"/>
      <c r="P68" s="5"/>
      <c r="Q68" s="5"/>
      <c r="R68" s="5"/>
      <c r="S68" s="5"/>
      <c r="T68" s="5"/>
    </row>
    <row r="69" spans="1:20" s="6" customFormat="1" ht="22.5" customHeight="1">
      <c r="A69" s="24"/>
      <c r="B69" s="73" t="s">
        <v>80</v>
      </c>
      <c r="C69" s="25"/>
      <c r="D69" s="2">
        <v>8</v>
      </c>
      <c r="E69" s="26">
        <v>14</v>
      </c>
      <c r="F69" s="26">
        <v>60</v>
      </c>
      <c r="G69" s="26">
        <v>24</v>
      </c>
      <c r="H69" s="26">
        <v>36</v>
      </c>
      <c r="I69" s="26">
        <v>0</v>
      </c>
      <c r="J69" s="26">
        <v>39</v>
      </c>
      <c r="K69" s="26">
        <v>15</v>
      </c>
      <c r="L69" s="26">
        <v>24</v>
      </c>
      <c r="M69" s="27">
        <v>0</v>
      </c>
      <c r="N69"/>
      <c r="O69" s="5"/>
      <c r="P69" s="5"/>
      <c r="Q69" s="5"/>
      <c r="R69" s="5"/>
      <c r="S69" s="5"/>
      <c r="T69" s="5"/>
    </row>
    <row r="70" spans="1:20" s="6" customFormat="1" ht="22.5" customHeight="1">
      <c r="A70" s="28"/>
      <c r="B70" s="75" t="s">
        <v>20</v>
      </c>
      <c r="C70" s="29"/>
      <c r="D70" s="4">
        <v>11</v>
      </c>
      <c r="E70" s="30">
        <v>79</v>
      </c>
      <c r="F70" s="30">
        <v>245</v>
      </c>
      <c r="G70" s="30">
        <v>156</v>
      </c>
      <c r="H70" s="30">
        <v>49</v>
      </c>
      <c r="I70" s="30">
        <v>40</v>
      </c>
      <c r="J70" s="30">
        <v>187</v>
      </c>
      <c r="K70" s="30">
        <v>87</v>
      </c>
      <c r="L70" s="30">
        <v>88</v>
      </c>
      <c r="M70" s="31">
        <v>12</v>
      </c>
      <c r="N70"/>
      <c r="O70" s="5"/>
      <c r="P70" s="5"/>
      <c r="Q70" s="5"/>
      <c r="R70" s="5"/>
      <c r="S70" s="5"/>
      <c r="T70" s="5"/>
    </row>
    <row r="71" spans="1:20" s="6" customFormat="1" ht="22.5" customHeight="1">
      <c r="A71" s="24"/>
      <c r="B71" s="73" t="s">
        <v>81</v>
      </c>
      <c r="C71" s="25"/>
      <c r="D71" s="2">
        <v>3</v>
      </c>
      <c r="E71" s="26">
        <v>16</v>
      </c>
      <c r="F71" s="26">
        <v>125</v>
      </c>
      <c r="G71" s="26">
        <v>69</v>
      </c>
      <c r="H71" s="26">
        <v>18</v>
      </c>
      <c r="I71" s="26">
        <v>38</v>
      </c>
      <c r="J71" s="26">
        <v>96</v>
      </c>
      <c r="K71" s="26">
        <v>46</v>
      </c>
      <c r="L71" s="26">
        <v>39</v>
      </c>
      <c r="M71" s="27">
        <v>11</v>
      </c>
      <c r="N71"/>
      <c r="O71" s="5"/>
      <c r="P71" s="5"/>
      <c r="Q71" s="5"/>
      <c r="R71" s="5"/>
      <c r="S71" s="5"/>
      <c r="T71" s="5"/>
    </row>
    <row r="72" spans="1:20" s="6" customFormat="1" ht="22.5" customHeight="1">
      <c r="A72" s="24"/>
      <c r="B72" s="73" t="s">
        <v>82</v>
      </c>
      <c r="C72" s="25"/>
      <c r="D72" s="2">
        <v>2</v>
      </c>
      <c r="E72" s="26">
        <v>11</v>
      </c>
      <c r="F72" s="26">
        <v>12</v>
      </c>
      <c r="G72" s="26">
        <v>9</v>
      </c>
      <c r="H72" s="26">
        <v>3</v>
      </c>
      <c r="I72" s="26">
        <v>0</v>
      </c>
      <c r="J72" s="26">
        <v>12</v>
      </c>
      <c r="K72" s="26">
        <v>1</v>
      </c>
      <c r="L72" s="26">
        <v>11</v>
      </c>
      <c r="M72" s="27">
        <v>0</v>
      </c>
      <c r="N72"/>
      <c r="O72" s="5"/>
      <c r="P72" s="5"/>
      <c r="Q72" s="5"/>
      <c r="R72" s="5"/>
      <c r="S72" s="5"/>
      <c r="T72" s="5"/>
    </row>
    <row r="73" spans="1:20" s="6" customFormat="1" ht="22.5" customHeight="1">
      <c r="A73" s="24"/>
      <c r="B73" s="73" t="s">
        <v>83</v>
      </c>
      <c r="C73" s="25"/>
      <c r="D73" s="2">
        <v>6</v>
      </c>
      <c r="E73" s="26">
        <v>52</v>
      </c>
      <c r="F73" s="26">
        <v>108</v>
      </c>
      <c r="G73" s="26">
        <v>78</v>
      </c>
      <c r="H73" s="26">
        <v>28</v>
      </c>
      <c r="I73" s="26">
        <v>2</v>
      </c>
      <c r="J73" s="26">
        <v>79</v>
      </c>
      <c r="K73" s="26">
        <v>40</v>
      </c>
      <c r="L73" s="26">
        <v>38</v>
      </c>
      <c r="M73" s="27">
        <v>1</v>
      </c>
      <c r="N73"/>
      <c r="O73" s="5"/>
      <c r="P73" s="5"/>
      <c r="Q73" s="5"/>
      <c r="R73" s="5"/>
      <c r="S73" s="5"/>
      <c r="T73" s="5"/>
    </row>
    <row r="74" spans="1:20" s="6" customFormat="1" ht="22.5" customHeight="1">
      <c r="A74" s="28"/>
      <c r="B74" s="75" t="s">
        <v>21</v>
      </c>
      <c r="C74" s="29"/>
      <c r="D74" s="4">
        <v>7</v>
      </c>
      <c r="E74" s="30">
        <v>50</v>
      </c>
      <c r="F74" s="30">
        <v>167</v>
      </c>
      <c r="G74" s="30">
        <v>89</v>
      </c>
      <c r="H74" s="30">
        <v>73</v>
      </c>
      <c r="I74" s="30">
        <v>5</v>
      </c>
      <c r="J74" s="30">
        <v>123</v>
      </c>
      <c r="K74" s="30">
        <v>60</v>
      </c>
      <c r="L74" s="30">
        <v>62</v>
      </c>
      <c r="M74" s="31">
        <v>1</v>
      </c>
      <c r="N74"/>
      <c r="O74" s="5"/>
      <c r="P74" s="5"/>
      <c r="Q74" s="5"/>
      <c r="R74" s="5"/>
      <c r="S74" s="5"/>
      <c r="T74" s="5"/>
    </row>
    <row r="75" spans="1:20" s="6" customFormat="1" ht="22.5" customHeight="1">
      <c r="A75" s="24"/>
      <c r="B75" s="73" t="s">
        <v>84</v>
      </c>
      <c r="C75" s="25"/>
      <c r="D75" s="2">
        <v>7</v>
      </c>
      <c r="E75" s="26">
        <v>49</v>
      </c>
      <c r="F75" s="26">
        <v>161</v>
      </c>
      <c r="G75" s="26">
        <v>88</v>
      </c>
      <c r="H75" s="26">
        <v>68</v>
      </c>
      <c r="I75" s="26">
        <v>5</v>
      </c>
      <c r="J75" s="26">
        <v>115</v>
      </c>
      <c r="K75" s="26">
        <v>60</v>
      </c>
      <c r="L75" s="26">
        <v>54</v>
      </c>
      <c r="M75" s="27">
        <v>1</v>
      </c>
      <c r="N75"/>
      <c r="O75" s="5"/>
      <c r="P75" s="5"/>
      <c r="Q75" s="5"/>
      <c r="R75" s="5"/>
      <c r="S75" s="5"/>
      <c r="T75" s="5"/>
    </row>
    <row r="76" spans="1:20" s="6" customFormat="1" ht="22.5" customHeight="1">
      <c r="A76" s="24"/>
      <c r="B76" s="73" t="s">
        <v>85</v>
      </c>
      <c r="C76" s="25"/>
      <c r="D76" s="2">
        <v>0</v>
      </c>
      <c r="E76" s="26">
        <v>1</v>
      </c>
      <c r="F76" s="26">
        <v>6</v>
      </c>
      <c r="G76" s="26">
        <v>1</v>
      </c>
      <c r="H76" s="26">
        <v>5</v>
      </c>
      <c r="I76" s="26">
        <v>0</v>
      </c>
      <c r="J76" s="26">
        <v>8</v>
      </c>
      <c r="K76" s="26">
        <v>0</v>
      </c>
      <c r="L76" s="26">
        <v>8</v>
      </c>
      <c r="M76" s="27">
        <v>0</v>
      </c>
      <c r="N76"/>
      <c r="O76" s="5"/>
      <c r="P76" s="5"/>
      <c r="Q76" s="5"/>
      <c r="R76" s="5"/>
      <c r="S76" s="5"/>
      <c r="T76" s="5"/>
    </row>
    <row r="77" spans="1:20" s="6" customFormat="1" ht="15" customHeight="1" thickBot="1">
      <c r="A77" s="32"/>
      <c r="B77" s="49"/>
      <c r="C77" s="42"/>
      <c r="D77" s="43"/>
      <c r="E77" s="33"/>
      <c r="F77" s="33"/>
      <c r="G77" s="33"/>
      <c r="H77" s="33"/>
      <c r="I77" s="33"/>
      <c r="J77" s="33"/>
      <c r="K77" s="33"/>
      <c r="L77" s="33"/>
      <c r="M77" s="34"/>
      <c r="N77"/>
      <c r="O77" s="5"/>
      <c r="P77" s="5"/>
      <c r="Q77" s="5"/>
      <c r="R77" s="5"/>
      <c r="S77" s="5"/>
      <c r="T77" s="5"/>
    </row>
    <row r="78" spans="1:20" s="6" customFormat="1" ht="13.5" customHeight="1">
      <c r="A78" s="44"/>
      <c r="B78" s="44"/>
      <c r="C78" s="44"/>
      <c r="D78" s="44"/>
      <c r="E78" s="44"/>
      <c r="F78" s="44"/>
      <c r="G78" s="44"/>
      <c r="H78" s="44"/>
      <c r="I78" s="44"/>
      <c r="J78" s="44"/>
      <c r="K78" s="44"/>
      <c r="L78" s="44"/>
      <c r="M78" s="36" t="s">
        <v>36</v>
      </c>
      <c r="N78"/>
      <c r="O78" s="5"/>
      <c r="P78" s="5"/>
      <c r="Q78" s="5"/>
      <c r="R78" s="5"/>
      <c r="S78" s="5"/>
      <c r="T78" s="5"/>
    </row>
    <row r="79" spans="1:20" s="6" customFormat="1" ht="13.5" customHeight="1">
      <c r="A79" s="38"/>
      <c r="B79" s="38"/>
      <c r="C79" s="38"/>
      <c r="D79" s="38"/>
      <c r="E79" s="38"/>
      <c r="F79" s="38"/>
      <c r="G79" s="38"/>
      <c r="H79" s="38"/>
      <c r="I79" s="38"/>
      <c r="J79" s="38"/>
      <c r="K79" s="38"/>
      <c r="L79" s="38"/>
      <c r="M79" s="38"/>
      <c r="N79"/>
      <c r="O79" s="5"/>
      <c r="P79" s="5"/>
      <c r="Q79" s="5"/>
      <c r="R79" s="5"/>
      <c r="S79" s="5"/>
      <c r="T79" s="5"/>
    </row>
    <row r="80" spans="1:20" s="6" customFormat="1" ht="13.5" customHeight="1">
      <c r="A80" s="37" t="s">
        <v>37</v>
      </c>
      <c r="B80" s="38"/>
      <c r="C80" s="38"/>
      <c r="D80" s="38"/>
      <c r="E80" s="38"/>
      <c r="F80" s="38"/>
      <c r="G80" s="38"/>
      <c r="H80" s="38"/>
      <c r="I80" s="38"/>
      <c r="J80" s="38"/>
      <c r="K80" s="38"/>
      <c r="L80" s="38"/>
      <c r="M80" s="38"/>
      <c r="N80"/>
      <c r="O80" s="5"/>
      <c r="P80" s="5"/>
      <c r="Q80" s="5"/>
      <c r="R80" s="5"/>
      <c r="S80" s="5"/>
      <c r="T80" s="5"/>
    </row>
    <row r="81" spans="1:20" s="6" customFormat="1" ht="13.5" customHeight="1">
      <c r="A81" s="39" t="s">
        <v>38</v>
      </c>
      <c r="B81" s="38"/>
      <c r="C81" s="38"/>
      <c r="D81" s="38"/>
      <c r="E81" s="38"/>
      <c r="F81" s="38"/>
      <c r="G81" s="38"/>
      <c r="H81" s="38"/>
      <c r="I81" s="38"/>
      <c r="J81" s="38"/>
      <c r="K81" s="38"/>
      <c r="L81" s="38"/>
      <c r="M81" s="38"/>
      <c r="N81"/>
      <c r="O81" s="5"/>
      <c r="P81" s="5"/>
      <c r="Q81" s="5"/>
      <c r="R81" s="5"/>
      <c r="S81" s="5"/>
      <c r="T81" s="5"/>
    </row>
    <row r="82" spans="1:20" s="6" customFormat="1" ht="13.5" customHeight="1">
      <c r="A82" s="39"/>
      <c r="B82" s="38" t="s">
        <v>39</v>
      </c>
      <c r="C82" s="38"/>
      <c r="D82" s="38"/>
      <c r="E82" s="38"/>
      <c r="F82" s="38"/>
      <c r="G82" s="38"/>
      <c r="H82" s="38"/>
      <c r="I82" s="38"/>
      <c r="J82" s="38"/>
      <c r="K82" s="38"/>
      <c r="L82" s="38"/>
      <c r="M82" s="38"/>
      <c r="N82"/>
      <c r="O82" s="5"/>
      <c r="P82" s="5"/>
      <c r="Q82" s="5"/>
      <c r="R82" s="5"/>
      <c r="S82" s="5"/>
      <c r="T82" s="5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4-01-18T06:29:45Z</dcterms:modified>
</cp:coreProperties>
</file>